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7078C1B0" w:rsidR="00EB25DE" w:rsidRPr="00061DB5" w:rsidRDefault="00000000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22.85pt;margin-top:.2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73217909" r:id="rId8"/>
        </w:object>
      </w:r>
      <w:r w:rsidR="00B9453F"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4531AD6D">
                <wp:simplePos x="0" y="0"/>
                <wp:positionH relativeFrom="page">
                  <wp:posOffset>1962150</wp:posOffset>
                </wp:positionH>
                <wp:positionV relativeFrom="paragraph">
                  <wp:posOffset>57150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margin-left:154.5pt;margin-top:4.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CPsGAHeAAAACQEAAA8AAABkcnMvZG93bnJldi54bWxMj81OwzAQhO9I&#10;vIO1SNyo3fDTNMSpKtSWI9BGnN3YJBHx2rLdNLw92xOcVqMZzX5TriY7sNGE2DuUMJ8JYAYbp3ts&#10;JdSH7V0OLCaFWg0OjYQfE2FVXV+VqtDujB9m3KeWUQnGQknoUvIF57HpjFVx5rxB8r5csCqRDC3X&#10;QZ2p3A48E+KJW9UjfeiUNy+dab73JyvBJ79bvIa39/VmO4r6c1dnfbuR8vZmWj8DS2ZKf2G44BM6&#10;VMR0dCfUkQ0S7sWStiQJl0P+Ms8fgR0pmD3MgVcl/7+g+gU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Aj7BgB3gAAAAk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683BE7C8" w14:textId="33B7B17B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5D37C3F0" w14:textId="1E550403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66BABBE5" w:rsidR="00324EE3" w:rsidRDefault="00B9453F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0B291CB0">
            <wp:simplePos x="0" y="0"/>
            <wp:positionH relativeFrom="leftMargin">
              <wp:posOffset>667385</wp:posOffset>
            </wp:positionH>
            <wp:positionV relativeFrom="paragraph">
              <wp:posOffset>13081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12A3E121">
                <wp:simplePos x="0" y="0"/>
                <wp:positionH relativeFrom="page">
                  <wp:posOffset>2057400</wp:posOffset>
                </wp:positionH>
                <wp:positionV relativeFrom="paragraph">
                  <wp:posOffset>36830</wp:posOffset>
                </wp:positionV>
                <wp:extent cx="3209925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209925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2EAF8E18" w:rsidR="00EB25DE" w:rsidRPr="00C263E2" w:rsidRDefault="0004363C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ȘI TINERET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62pt;margin-top:2.9pt;width:252.75pt;height:49.7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loob5AEAAKgDAAAOAAAAZHJzL2Uyb0RvYy54bWysU9tu2zAMfR+wfxD0vtjx0m4x4hRdiw4D&#10;ugvQ9QNkWbKF2aJGKbGzrx8lp2m2vRV7EURSPjznkN5cTUPP9gq9AVvx5SLnTFkJjbFtxR+/3715&#10;z5kPwjaiB6sqflCeX21fv9qMrlQFdNA3ChmBWF+OruJdCK7MMi87NQi/AKcsFTXgIAKF2GYNipHQ&#10;hz4r8vwyGwEbhyCV95S9nYt8m/C1VjJ81dqrwPqKE7eQTkxnHc9suxFli8J1Rh5piBewGISx1PQE&#10;dSuCYDs0/0ANRiJ40GEhYchAayNV0kBqlvlfah464VTSQuZ4d7LJ/z9Y+WX/4L4hC9MHmGiASYR3&#10;9yB/eGbhphO2VdeIMHZKNNR4GS3LRufL46fRal/6CFKPn6GhIYtdgAQ0aRyiK6STEToN4HAyXU2B&#10;SUq+LfL1urjgTFLtkqJ8lVqI8ulrhz58VDCweKk40lATutjf+xDZiPLpSWxm4c70fRpsb/9I0MOY&#10;Sewj4Zl6mOqJmabiRewbxdTQHEgOwrwutN506QB/cTbSqlTc/9wJVJz1nyxZsl6uVnG3UrC6eFdQ&#10;gOeV+rwirCSoigfO5utNmPdx59C0HXWah2DhmmzUJil8ZnWkT+uQhB9XN+7beZxePf9g298AAAD/&#10;/wMAUEsDBBQABgAIAAAAIQDY3jzu3QAAAAkBAAAPAAAAZHJzL2Rvd25yZXYueG1sTI/LTsMwEEX3&#10;SPyDNUjsqE3aoDZkUiEQWxDlIbFz42kSEY+j2G3C3zOsYDm6V3fOKbez79WJxtgFRrheGFDEdXAd&#10;Nwhvr49Xa1AxWXa2D0wI3xRhW52flbZwYeIXOu1So2SEY2ER2pSGQutYt+RtXISBWLJDGL1Nco6N&#10;dqOdZNz3OjPmRnvbsXxo7UD3LdVfu6NHeH86fH6szHPz4PNhCrPR7Dca8fJivrsFlWhOf2X4xRd0&#10;qIRpH47souoRltlKXBJCLgaSr7NNDmovRZMvQVel/m9Q/QAAAP//AwBQSwECLQAUAAYACAAAACEA&#10;toM4kv4AAADhAQAAEwAAAAAAAAAAAAAAAAAAAAAAW0NvbnRlbnRfVHlwZXNdLnhtbFBLAQItABQA&#10;BgAIAAAAIQA4/SH/1gAAAJQBAAALAAAAAAAAAAAAAAAAAC8BAABfcmVscy8ucmVsc1BLAQItABQA&#10;BgAIAAAAIQAMloob5AEAAKgDAAAOAAAAAAAAAAAAAAAAAC4CAABkcnMvZTJvRG9jLnhtbFBLAQIt&#10;ABQABgAIAAAAIQDY3jzu3QAAAAkBAAAPAAAAAAAAAAAAAAAAAD4EAABkcnMvZG93bnJldi54bWxQ&#10;SwUGAAAAAAQABADzAAAASAUAAAAA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2EAF8E18" w:rsidR="00EB25DE" w:rsidRPr="00C263E2" w:rsidRDefault="0004363C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ȘI TINERET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>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12554AB5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739F1884" w14:textId="495AB47C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380A1F04" w:rsidR="00324EE3" w:rsidRDefault="0004363C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6F14F726">
                <wp:simplePos x="0" y="0"/>
                <wp:positionH relativeFrom="margin">
                  <wp:posOffset>4801870</wp:posOffset>
                </wp:positionH>
                <wp:positionV relativeFrom="paragraph">
                  <wp:posOffset>18415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4FE2FB7A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B9453F">
                              <w:t xml:space="preserve"> 642</w:t>
                            </w:r>
                          </w:p>
                          <w:p w14:paraId="3B77EAEF" w14:textId="130E5A20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B9453F">
                              <w:t>29</w:t>
                            </w:r>
                            <w:r w:rsidR="00A70A8F">
                              <w:t>/</w:t>
                            </w:r>
                            <w:r w:rsidR="00B9453F">
                              <w:t>03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876B75">
                              <w:t>4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378.1pt;margin-top:14.5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DvZAfR3gAAAAkBAAAPAAAAZHJzL2Rvd25yZXYueG1sTI/BTsMwDIbv&#10;SLxDZCRuLF0kVto1nSa0jSMwKs5Zk7UVjRMlWVfeHnOCmy1/+v391Wa2I5tMiINDCctFBsxg6/SA&#10;nYTmY//wBCwmhVqNDo2EbxNhU9/eVKrU7orvZjqmjlEIxlJJ6FPyJeex7Y1VceG8QbqdXbAq0Ro6&#10;roO6UrgduciyFbdqQPrQK2+ee9N+HS9Wgk/+kL+E17ftbj9lzeehEUO3k/L+bt6ugSUzpz8YfvVJ&#10;HWpyOrkL6shGCfnjShAqQRTUiYCiEDmwEw35Enhd8f8N6h8AAAD//wMAUEsBAi0AFAAGAAgAAAAh&#10;ALaDOJL+AAAA4QEAABMAAAAAAAAAAAAAAAAAAAAAAFtDb250ZW50X1R5cGVzXS54bWxQSwECLQAU&#10;AAYACAAAACEAOP0h/9YAAACUAQAACwAAAAAAAAAAAAAAAAAvAQAAX3JlbHMvLnJlbHNQSwECLQAU&#10;AAYACAAAACEAZHn+BuQBAACoAwAADgAAAAAAAAAAAAAAAAAuAgAAZHJzL2Uyb0RvYy54bWxQSwEC&#10;LQAUAAYACAAAACEA72QH0d4AAAAJAQAADwAAAAAAAAAAAAAAAAA+BAAAZHJzL2Rvd25yZXYueG1s&#10;UEsFBgAAAAAEAAQA8wAAAEkFAAAAAA==&#10;" filled="f" stroked="f">
                <v:textbox style="mso-fit-shape-to-text:t">
                  <w:txbxContent>
                    <w:p w14:paraId="2930429B" w14:textId="4FE2FB7A" w:rsidR="00EB25DE" w:rsidRDefault="00EB25DE" w:rsidP="00EB25DE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B9453F">
                        <w:t xml:space="preserve"> 642</w:t>
                      </w:r>
                    </w:p>
                    <w:p w14:paraId="3B77EAEF" w14:textId="130E5A20" w:rsidR="00EB25DE" w:rsidRPr="000677EF" w:rsidRDefault="00EB25DE" w:rsidP="00EB25DE">
                      <w:pPr>
                        <w:pStyle w:val="NoSpacing"/>
                      </w:pPr>
                      <w:r>
                        <w:t xml:space="preserve">din </w:t>
                      </w:r>
                      <w:r w:rsidR="00B9453F">
                        <w:t>29</w:t>
                      </w:r>
                      <w:r w:rsidR="00A70A8F">
                        <w:t>/</w:t>
                      </w:r>
                      <w:r w:rsidR="00B9453F">
                        <w:t>03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876B75">
                        <w:t>4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03226CE" w14:textId="78175E97" w:rsidR="00324EE3" w:rsidRDefault="00324EE3" w:rsidP="005333E9">
      <w:pPr>
        <w:rPr>
          <w:rFonts w:ascii="Trebuchet MS" w:hAnsi="Trebuchet MS"/>
          <w:b/>
          <w:sz w:val="24"/>
          <w:szCs w:val="24"/>
          <w:lang w:val="en-US"/>
        </w:rPr>
      </w:pPr>
    </w:p>
    <w:p w14:paraId="37F5D0FC" w14:textId="5AA4F93E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B59528E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5F6EEFCF" w14:textId="1F3D6830" w:rsidR="00B9453F" w:rsidRPr="00B00B7A" w:rsidRDefault="00B9453F" w:rsidP="00B9453F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</w:pP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         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>REZULTATUL</w:t>
      </w:r>
    </w:p>
    <w:p w14:paraId="25F7D507" w14:textId="665AE441" w:rsidR="00B9453F" w:rsidRPr="00B00B7A" w:rsidRDefault="00B9453F" w:rsidP="00B9453F">
      <w:pPr>
        <w:spacing w:after="0" w:line="240" w:lineRule="auto"/>
        <w:ind w:left="708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</w:pP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final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la examenul de promovare 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în treapta profesională  imediat superioară celei </w:t>
      </w:r>
      <w:bookmarkStart w:id="0" w:name="_Hlk119311756"/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  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deținute a personalului încadrat în funcția contractuală de Muncitor calificat, treaptaII,</w:t>
      </w:r>
      <w:bookmarkEnd w:id="0"/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organizat de D.J.S.</w:t>
      </w:r>
      <w:r w:rsidR="00AD4276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T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 Dolj în data de 2</w:t>
      </w: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8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.</w:t>
      </w: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03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.202</w:t>
      </w: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4</w:t>
      </w:r>
    </w:p>
    <w:p w14:paraId="2FB4285D" w14:textId="77777777" w:rsidR="00B9453F" w:rsidRPr="00B00B7A" w:rsidRDefault="00B9453F" w:rsidP="00B9453F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</w:pPr>
    </w:p>
    <w:p w14:paraId="2D7D41D1" w14:textId="77777777" w:rsidR="00B9453F" w:rsidRPr="00B00B7A" w:rsidRDefault="00B9453F" w:rsidP="00B9453F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/>
          <w:noProof w:val="0"/>
          <w:kern w:val="0"/>
          <w:sz w:val="26"/>
          <w:szCs w:val="26"/>
          <w:lang w:val="it-IT" w:eastAsia="en-CA"/>
        </w:rPr>
      </w:pPr>
    </w:p>
    <w:p w14:paraId="6BB6CBF8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5EBBE792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 </w:t>
      </w:r>
    </w:p>
    <w:tbl>
      <w:tblPr>
        <w:tblW w:w="9526" w:type="dxa"/>
        <w:tblInd w:w="108" w:type="dxa"/>
        <w:tblLayout w:type="fixed"/>
        <w:tblLook w:val="0000" w:firstRow="0" w:lastRow="0" w:firstColumn="0" w:lastColumn="0" w:noHBand="0" w:noVBand="0"/>
      </w:tblPr>
      <w:tblGrid>
        <w:gridCol w:w="596"/>
        <w:gridCol w:w="1915"/>
        <w:gridCol w:w="2511"/>
        <w:gridCol w:w="1953"/>
        <w:gridCol w:w="992"/>
        <w:gridCol w:w="1559"/>
      </w:tblGrid>
      <w:tr w:rsidR="00B9453F" w:rsidRPr="00B00B7A" w14:paraId="2FF03B8F" w14:textId="77777777" w:rsidTr="006657A5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9AFBD41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r. crt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5FC5210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um</w:t>
            </w: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ărul și data  înregistrare dosar de concurs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BE4F56D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Funcţia publică din care promovează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9A80041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Compartiment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D1EBD83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Punctaj proba scrisă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4F594D1D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Rezultatul probei scrise</w:t>
            </w:r>
          </w:p>
        </w:tc>
      </w:tr>
      <w:tr w:rsidR="00B9453F" w:rsidRPr="00B00B7A" w14:paraId="3D59E09C" w14:textId="77777777" w:rsidTr="006657A5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E29B79D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175D3A3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76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044C045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8910FC7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01710C0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 xml:space="preserve">75,5 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p</w:t>
            </w:r>
          </w:p>
          <w:p w14:paraId="5FEA45DA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3986AD90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</w:p>
          <w:p w14:paraId="7EBD4054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B9453F" w:rsidRPr="00B00B7A" w14:paraId="104E369A" w14:textId="77777777" w:rsidTr="006657A5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C0A9185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 xml:space="preserve">2. 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C7D74C7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77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3F5F1D9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D4BFFE7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7A51451" w14:textId="77777777" w:rsidR="00B9453F" w:rsidRPr="00B00B7A" w:rsidRDefault="00B9453F" w:rsidP="006657A5">
            <w:pPr>
              <w:snapToGrid w:val="0"/>
              <w:spacing w:after="0" w:line="240" w:lineRule="auto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 xml:space="preserve"> 67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 xml:space="preserve"> p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03092146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B9453F" w:rsidRPr="00B00B7A" w14:paraId="1ECDF494" w14:textId="77777777" w:rsidTr="006657A5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3915FF5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3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B1AF25A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78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3D030F2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4F2B458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DFD5455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80 p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3A991BD8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B9453F" w:rsidRPr="00B00B7A" w14:paraId="7CE1E984" w14:textId="77777777" w:rsidTr="006657A5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E2C93B3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F2B343C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79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77FC573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BC6BD19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2512647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67,5 p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E361C20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B9453F" w:rsidRPr="00B00B7A" w14:paraId="066FDA6B" w14:textId="77777777" w:rsidTr="006657A5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1C86179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5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F4FFD73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80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ABB2236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81C3EB8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E9EEF2A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72 p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2249DB54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B9453F" w:rsidRPr="00B00B7A" w14:paraId="0C527B0E" w14:textId="77777777" w:rsidTr="006657A5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C1AF77E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6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1954E3B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81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7E6DC6A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EA2A414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07D62D7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66 p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545A832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B9453F" w:rsidRPr="00B00B7A" w14:paraId="4E3985EE" w14:textId="77777777" w:rsidTr="006657A5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3478959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7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A6CFD2F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82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239FCD2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5A4CACC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E04CB06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84,5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8ED99FD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B9453F" w:rsidRPr="00B00B7A" w14:paraId="5B1D8618" w14:textId="77777777" w:rsidTr="006657A5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FD3E197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8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E82276F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85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22FB566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B4EEF5C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E416614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69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DF5D5F1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B9453F" w:rsidRPr="00B00B7A" w14:paraId="6E0E14DB" w14:textId="77777777" w:rsidTr="006657A5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6AE3730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lastRenderedPageBreak/>
              <w:t>9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487F891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83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F579B21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EE733A1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Centre de </w:t>
            </w:r>
            <w:proofErr w:type="spellStart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agrement</w:t>
            </w:r>
            <w:proofErr w:type="spellEnd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- Baza </w:t>
            </w:r>
            <w:proofErr w:type="spellStart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Turistică</w:t>
            </w:r>
            <w:proofErr w:type="spellEnd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 Craiova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6B47DE1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77,5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154E0B24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B9453F" w:rsidRPr="00B00B7A" w14:paraId="488DC30B" w14:textId="77777777" w:rsidTr="006657A5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D42F8EA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0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D53FD73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84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A2F19D1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BFE3647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Centre de </w:t>
            </w:r>
            <w:proofErr w:type="spellStart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agrement</w:t>
            </w:r>
            <w:proofErr w:type="spellEnd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- Baza </w:t>
            </w:r>
            <w:proofErr w:type="spellStart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Turistică</w:t>
            </w:r>
            <w:proofErr w:type="spellEnd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 Craiova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27502FC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56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5E003212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B9453F" w:rsidRPr="00B00B7A" w14:paraId="5AF8F5EE" w14:textId="77777777" w:rsidTr="006657A5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1805A10" w14:textId="77777777" w:rsidR="00B9453F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1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40BBBDB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86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1328232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9B9A200" w14:textId="77777777" w:rsidR="00B9453F" w:rsidRPr="00B00B7A" w:rsidRDefault="00B9453F" w:rsidP="006657A5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Centre de </w:t>
            </w:r>
            <w:proofErr w:type="spellStart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agrement</w:t>
            </w:r>
            <w:proofErr w:type="spellEnd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- Baza Turistică Craiova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188B675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81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24CCAC41" w14:textId="77777777" w:rsidR="00B9453F" w:rsidRPr="00B00B7A" w:rsidRDefault="00B9453F" w:rsidP="006657A5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</w:tbl>
    <w:p w14:paraId="1BFF8DC5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</w:t>
      </w:r>
    </w:p>
    <w:p w14:paraId="234C3872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</w:t>
      </w:r>
    </w:p>
    <w:p w14:paraId="3E1E2BE8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  </w:t>
      </w:r>
    </w:p>
    <w:p w14:paraId="2687297E" w14:textId="012B41E1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proofErr w:type="spellStart"/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Afișat</w:t>
      </w:r>
      <w:proofErr w:type="spellEnd"/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astăzi</w:t>
      </w:r>
      <w:proofErr w:type="spellEnd"/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, 2</w:t>
      </w:r>
      <w:r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9</w:t>
      </w: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.</w:t>
      </w:r>
      <w:r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03</w:t>
      </w: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.202</w:t>
      </w:r>
      <w:r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4</w:t>
      </w: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, </w:t>
      </w:r>
      <w:proofErr w:type="spellStart"/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ora</w:t>
      </w:r>
      <w:proofErr w:type="spellEnd"/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1</w:t>
      </w:r>
      <w:r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2</w:t>
      </w: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,</w:t>
      </w:r>
      <w:r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00</w:t>
      </w: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,</w:t>
      </w:r>
      <w:r w:rsidRPr="00B00B7A">
        <w:rPr>
          <w:rFonts w:ascii="Times New Roman" w:hAnsi="Times New Roman"/>
          <w:sz w:val="24"/>
          <w:szCs w:val="24"/>
        </w:rPr>
        <w:t xml:space="preserve"> </w:t>
      </w:r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la </w:t>
      </w:r>
      <w:proofErr w:type="spellStart"/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sediul</w:t>
      </w:r>
      <w:proofErr w:type="spellEnd"/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şi</w:t>
      </w:r>
      <w:proofErr w:type="spellEnd"/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pe </w:t>
      </w:r>
      <w:proofErr w:type="spellStart"/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agina</w:t>
      </w:r>
      <w:proofErr w:type="spellEnd"/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de internet a </w:t>
      </w:r>
      <w:proofErr w:type="spellStart"/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Direcţiei</w:t>
      </w:r>
      <w:proofErr w:type="spellEnd"/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Județene</w:t>
      </w:r>
      <w:proofErr w:type="spellEnd"/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entru</w:t>
      </w:r>
      <w:proofErr w:type="spellEnd"/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Sport </w:t>
      </w:r>
      <w:proofErr w:type="spellStart"/>
      <w:r>
        <w:rPr>
          <w:rFonts w:ascii="Times New Roman" w:hAnsi="Times New Roman"/>
          <w:noProof w:val="0"/>
          <w:kern w:val="0"/>
          <w:sz w:val="24"/>
          <w:szCs w:val="24"/>
          <w:lang w:val="en-US"/>
        </w:rPr>
        <w:t>și</w:t>
      </w:r>
      <w:proofErr w:type="spellEnd"/>
      <w:r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>
        <w:rPr>
          <w:rFonts w:ascii="Times New Roman" w:hAnsi="Times New Roman"/>
          <w:noProof w:val="0"/>
          <w:kern w:val="0"/>
          <w:sz w:val="24"/>
          <w:szCs w:val="24"/>
          <w:lang w:val="en-US"/>
        </w:rPr>
        <w:t>Tineret</w:t>
      </w:r>
      <w:proofErr w:type="spellEnd"/>
      <w:r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r w:rsidRPr="00B00B7A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Dolj: </w:t>
      </w:r>
      <w:hyperlink r:id="rId10" w:history="1">
        <w:r w:rsidRPr="00B00B7A">
          <w:rPr>
            <w:rFonts w:ascii="Times New Roman" w:hAnsi="Times New Roman"/>
            <w:color w:val="0000FF" w:themeColor="hyperlink"/>
            <w:sz w:val="24"/>
            <w:szCs w:val="24"/>
            <w:u w:val="single"/>
          </w:rPr>
          <w:t>www.sportdolj.ro</w:t>
        </w:r>
      </w:hyperlink>
      <w:r w:rsidRPr="00B00B7A">
        <w:rPr>
          <w:rFonts w:ascii="Times New Roman" w:hAnsi="Times New Roman"/>
          <w:sz w:val="24"/>
          <w:szCs w:val="24"/>
        </w:rPr>
        <w:t xml:space="preserve">. </w:t>
      </w:r>
    </w:p>
    <w:p w14:paraId="2A4F81D2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</w:p>
    <w:p w14:paraId="47340DDC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sz w:val="24"/>
          <w:szCs w:val="24"/>
        </w:rPr>
      </w:pPr>
    </w:p>
    <w:p w14:paraId="33049015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51184354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2ADBD538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B00B7A">
        <w:rPr>
          <w:rFonts w:ascii="Times New Roman" w:hAnsi="Times New Roman"/>
          <w:sz w:val="24"/>
          <w:szCs w:val="24"/>
        </w:rPr>
        <w:t xml:space="preserve">Secretar comisie examen : </w:t>
      </w:r>
    </w:p>
    <w:p w14:paraId="4E8F87CE" w14:textId="77777777" w:rsidR="00B9453F" w:rsidRPr="00B00B7A" w:rsidRDefault="00B9453F" w:rsidP="00B9453F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hAnsi="Times New Roman"/>
          <w:sz w:val="24"/>
          <w:szCs w:val="24"/>
        </w:rPr>
        <w:t>Ștefănescu Roxana – consilier superior</w:t>
      </w:r>
    </w:p>
    <w:p w14:paraId="7359C818" w14:textId="77777777" w:rsidR="00B9453F" w:rsidRPr="00B00B7A" w:rsidRDefault="00B9453F" w:rsidP="00B9453F">
      <w:pPr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2A687488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2BBD092" w14:textId="3A3D4423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5B6BB70C" w14:textId="4E5A3A60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767E47BE" w14:textId="6593402D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CC15283" w14:textId="2F8757B6" w:rsidR="000F373D" w:rsidRPr="000F373D" w:rsidRDefault="000F373D" w:rsidP="000F373D">
      <w:pPr>
        <w:tabs>
          <w:tab w:val="left" w:pos="930"/>
        </w:tabs>
        <w:rPr>
          <w:rFonts w:ascii="Trebuchet MS" w:hAnsi="Trebuchet MS"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w:tab/>
      </w:r>
    </w:p>
    <w:sectPr w:rsidR="000F373D" w:rsidRPr="000F373D" w:rsidSect="00B1092D">
      <w:footerReference w:type="default" r:id="rId11"/>
      <w:pgSz w:w="11907" w:h="16840" w:code="9"/>
      <w:pgMar w:top="709" w:right="927" w:bottom="10" w:left="1418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774551E" w14:textId="77777777" w:rsidR="00B1092D" w:rsidRDefault="00B1092D" w:rsidP="00EB25DE">
      <w:pPr>
        <w:spacing w:after="0" w:line="240" w:lineRule="auto"/>
      </w:pPr>
      <w:r>
        <w:separator/>
      </w:r>
    </w:p>
  </w:endnote>
  <w:endnote w:type="continuationSeparator" w:id="0">
    <w:p w14:paraId="7F32D013" w14:textId="77777777" w:rsidR="00B1092D" w:rsidRDefault="00B1092D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C4DDC39" w14:textId="77777777" w:rsidR="00B1092D" w:rsidRDefault="00B1092D" w:rsidP="00EB25DE">
      <w:pPr>
        <w:spacing w:after="0" w:line="240" w:lineRule="auto"/>
      </w:pPr>
      <w:r>
        <w:separator/>
      </w:r>
    </w:p>
  </w:footnote>
  <w:footnote w:type="continuationSeparator" w:id="0">
    <w:p w14:paraId="025C1570" w14:textId="77777777" w:rsidR="00B1092D" w:rsidRDefault="00B1092D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1"/>
  </w:num>
  <w:num w:numId="2" w16cid:durableId="173581689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41339"/>
    <w:rsid w:val="0004363C"/>
    <w:rsid w:val="00056851"/>
    <w:rsid w:val="00061DB5"/>
    <w:rsid w:val="00067A31"/>
    <w:rsid w:val="00094AF6"/>
    <w:rsid w:val="000D5159"/>
    <w:rsid w:val="000F1194"/>
    <w:rsid w:val="000F1E90"/>
    <w:rsid w:val="000F3365"/>
    <w:rsid w:val="000F373D"/>
    <w:rsid w:val="00100AC2"/>
    <w:rsid w:val="00162B67"/>
    <w:rsid w:val="001D5897"/>
    <w:rsid w:val="00223DE1"/>
    <w:rsid w:val="00234812"/>
    <w:rsid w:val="00264781"/>
    <w:rsid w:val="00272805"/>
    <w:rsid w:val="00276C32"/>
    <w:rsid w:val="00284850"/>
    <w:rsid w:val="002B32CE"/>
    <w:rsid w:val="002E43FC"/>
    <w:rsid w:val="002E5982"/>
    <w:rsid w:val="00302D4F"/>
    <w:rsid w:val="003148B6"/>
    <w:rsid w:val="00324EE3"/>
    <w:rsid w:val="00344668"/>
    <w:rsid w:val="003E5ED1"/>
    <w:rsid w:val="003F1BA0"/>
    <w:rsid w:val="003F1E3C"/>
    <w:rsid w:val="00496DA4"/>
    <w:rsid w:val="004C0B5C"/>
    <w:rsid w:val="005333E9"/>
    <w:rsid w:val="00577A25"/>
    <w:rsid w:val="00580A0A"/>
    <w:rsid w:val="00607E73"/>
    <w:rsid w:val="0062286F"/>
    <w:rsid w:val="00636733"/>
    <w:rsid w:val="00654911"/>
    <w:rsid w:val="00663019"/>
    <w:rsid w:val="00675FE3"/>
    <w:rsid w:val="00680084"/>
    <w:rsid w:val="006D1F9B"/>
    <w:rsid w:val="006E59A7"/>
    <w:rsid w:val="00715090"/>
    <w:rsid w:val="0074691F"/>
    <w:rsid w:val="007637FA"/>
    <w:rsid w:val="00765F5C"/>
    <w:rsid w:val="00806476"/>
    <w:rsid w:val="00846539"/>
    <w:rsid w:val="0085027B"/>
    <w:rsid w:val="00876B75"/>
    <w:rsid w:val="00876C3D"/>
    <w:rsid w:val="008D4242"/>
    <w:rsid w:val="008E1050"/>
    <w:rsid w:val="00903643"/>
    <w:rsid w:val="0092276A"/>
    <w:rsid w:val="00922DD2"/>
    <w:rsid w:val="00941F75"/>
    <w:rsid w:val="009A7716"/>
    <w:rsid w:val="009C3B0E"/>
    <w:rsid w:val="009C5794"/>
    <w:rsid w:val="009E2A1B"/>
    <w:rsid w:val="009F7423"/>
    <w:rsid w:val="00A05D15"/>
    <w:rsid w:val="00A3103D"/>
    <w:rsid w:val="00A70A8F"/>
    <w:rsid w:val="00A96A03"/>
    <w:rsid w:val="00AA3EEE"/>
    <w:rsid w:val="00AB1440"/>
    <w:rsid w:val="00AD4276"/>
    <w:rsid w:val="00B1092D"/>
    <w:rsid w:val="00B21D7A"/>
    <w:rsid w:val="00B9453F"/>
    <w:rsid w:val="00BA15C3"/>
    <w:rsid w:val="00BA695C"/>
    <w:rsid w:val="00BB1912"/>
    <w:rsid w:val="00BD5C0E"/>
    <w:rsid w:val="00BE2430"/>
    <w:rsid w:val="00C1268C"/>
    <w:rsid w:val="00C2039F"/>
    <w:rsid w:val="00C90C9F"/>
    <w:rsid w:val="00CD4051"/>
    <w:rsid w:val="00D571DD"/>
    <w:rsid w:val="00D94712"/>
    <w:rsid w:val="00DC7F02"/>
    <w:rsid w:val="00DF22F9"/>
    <w:rsid w:val="00DF318E"/>
    <w:rsid w:val="00E021C4"/>
    <w:rsid w:val="00EB25DE"/>
    <w:rsid w:val="00EF64A5"/>
    <w:rsid w:val="00F22DEF"/>
    <w:rsid w:val="00F52290"/>
    <w:rsid w:val="00F53673"/>
    <w:rsid w:val="00F758D4"/>
    <w:rsid w:val="00F8082C"/>
    <w:rsid w:val="00F86190"/>
    <w:rsid w:val="00F8777B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yperlink" Target="http://www.sportdolj.ro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2</Pages>
  <Words>281</Words>
  <Characters>1602</Characters>
  <Application>Microsoft Office Word</Application>
  <DocSecurity>0</DocSecurity>
  <Lines>13</Lines>
  <Paragraphs>3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lu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188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4-03-29T09:41:00Z</cp:lastPrinted>
  <dcterms:created xsi:type="dcterms:W3CDTF">2024-03-29T09:45:00Z</dcterms:created>
  <dcterms:modified xsi:type="dcterms:W3CDTF">2024-03-29T09:45:00Z</dcterms:modified>
</cp:coreProperties>
</file>